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codeName="ThisWorkbook" defaultThemeVersion="166925"/>
  <mc:AlternateContent xmlns:mc="http://schemas.openxmlformats.org/markup-compatibility/2006">
    <mc:Choice Requires="x15">
      <x15ac:absPath xmlns:x15ac="http://schemas.microsoft.com/office/spreadsheetml/2010/11/ac" url="C:\Users\s20621005\Desktop\"/>
    </mc:Choice>
  </mc:AlternateContent>
  <xr:revisionPtr revIDLastSave="0" documentId="13_ncr:1_{D5A1E167-6808-4FAA-9965-3D80964C3FDC}" xr6:coauthVersionLast="46" xr6:coauthVersionMax="46" xr10:uidLastSave="{00000000-0000-0000-0000-000000000000}"/>
  <bookViews>
    <workbookView xWindow="-120" yWindow="-16320" windowWidth="29040" windowHeight="15840" xr2:uid="{D19688B3-CCC5-44AD-94A9-D3B0D71C1CF1}"/>
  </bookViews>
  <sheets>
    <sheet name="【新書】人生を豊かにしたい人のための世界遺産" sheetId="11" r:id="rId1"/>
  </sheets>
  <definedNames>
    <definedName name="_xlnm.Print_Area" localSheetId="0">【新書】人生を豊かにしたい人のための世界遺産!$B$1:$I$45</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sharedStrings.xml><?xml version="1.0" encoding="utf-8"?>
<sst xmlns="http://schemas.openxmlformats.org/spreadsheetml/2006/main" count="132" uniqueCount="94">
  <si>
    <t>ISBN</t>
    <phoneticPr fontId="3"/>
  </si>
  <si>
    <t>タイトル</t>
    <phoneticPr fontId="3"/>
  </si>
  <si>
    <t>著者</t>
    <rPh sb="0" eb="2">
      <t>チョシャ</t>
    </rPh>
    <phoneticPr fontId="3"/>
  </si>
  <si>
    <t>既刊</t>
    <rPh sb="0" eb="2">
      <t>キカン</t>
    </rPh>
    <phoneticPr fontId="3"/>
  </si>
  <si>
    <t>冊</t>
    <rPh sb="0" eb="1">
      <t>サツ</t>
    </rPh>
    <phoneticPr fontId="3"/>
  </si>
  <si>
    <t>教養として学んでおきたい</t>
  </si>
  <si>
    <t>日本の皇室</t>
    <rPh sb="0" eb="2">
      <t>ニホン</t>
    </rPh>
    <rPh sb="3" eb="5">
      <t>コウシツ</t>
    </rPh>
    <phoneticPr fontId="1"/>
  </si>
  <si>
    <t>教養として学んでおきたい　</t>
  </si>
  <si>
    <t>発売日</t>
    <rPh sb="0" eb="3">
      <t>ハツバイビ</t>
    </rPh>
    <phoneticPr fontId="3"/>
  </si>
  <si>
    <t>単品</t>
    <rPh sb="0" eb="2">
      <t>タンピン</t>
    </rPh>
    <phoneticPr fontId="3"/>
  </si>
  <si>
    <t>歌舞伎</t>
    <rPh sb="0" eb="3">
      <t>カブキ</t>
    </rPh>
    <phoneticPr fontId="3"/>
  </si>
  <si>
    <t>ギリシャ神話</t>
    <rPh sb="4" eb="6">
      <t>シンワ</t>
    </rPh>
    <phoneticPr fontId="3"/>
  </si>
  <si>
    <t>神社</t>
    <rPh sb="0" eb="2">
      <t>ジンジャ</t>
    </rPh>
    <phoneticPr fontId="3"/>
  </si>
  <si>
    <t>ビートルズ</t>
    <phoneticPr fontId="3"/>
  </si>
  <si>
    <t>能・狂言</t>
    <rPh sb="0" eb="1">
      <t>ノウ</t>
    </rPh>
    <rPh sb="2" eb="4">
      <t>キョウゲン</t>
    </rPh>
    <phoneticPr fontId="3"/>
  </si>
  <si>
    <t>５大宗教</t>
    <rPh sb="1" eb="4">
      <t>ダイシュウキョウ</t>
    </rPh>
    <phoneticPr fontId="3"/>
  </si>
  <si>
    <t>落語</t>
    <rPh sb="0" eb="2">
      <t>ラクゴ</t>
    </rPh>
    <phoneticPr fontId="3"/>
  </si>
  <si>
    <t>仏教</t>
    <rPh sb="0" eb="2">
      <t>ブッキョウ</t>
    </rPh>
    <phoneticPr fontId="3"/>
  </si>
  <si>
    <t>哲学</t>
    <rPh sb="0" eb="2">
      <t>テツガク</t>
    </rPh>
    <phoneticPr fontId="3"/>
  </si>
  <si>
    <t>人生を豊かにしたい人のための</t>
  </si>
  <si>
    <t>日本の城</t>
    <rPh sb="0" eb="2">
      <t>ニホン</t>
    </rPh>
    <rPh sb="3" eb="4">
      <t>シロ</t>
    </rPh>
    <phoneticPr fontId="3"/>
  </si>
  <si>
    <t>ウイスキー</t>
    <phoneticPr fontId="3"/>
  </si>
  <si>
    <t>講談</t>
    <rPh sb="0" eb="2">
      <t>コウダン</t>
    </rPh>
    <phoneticPr fontId="3"/>
  </si>
  <si>
    <t>土屋　守</t>
    <rPh sb="0" eb="2">
      <t>ツチヤ</t>
    </rPh>
    <rPh sb="3" eb="4">
      <t>マモ</t>
    </rPh>
    <phoneticPr fontId="1"/>
  </si>
  <si>
    <t>葛西聖司</t>
  </si>
  <si>
    <t>里中哲彦</t>
  </si>
  <si>
    <t>小和田哲男</t>
  </si>
  <si>
    <t>西川恵</t>
  </si>
  <si>
    <t xml:space="preserve">堀井憲一郎 </t>
    <phoneticPr fontId="3"/>
  </si>
  <si>
    <t>島田裕巳</t>
  </si>
  <si>
    <t>中村圭志</t>
  </si>
  <si>
    <t>岡本裕一朗</t>
  </si>
  <si>
    <t>神田松鯉</t>
  </si>
  <si>
    <t>978-4-8399-7148-9</t>
  </si>
  <si>
    <t>978-4-8399-7423-7</t>
  </si>
  <si>
    <t>978-4-8399-7435-0</t>
    <phoneticPr fontId="3"/>
  </si>
  <si>
    <t>978-4-8399-7028-4</t>
    <phoneticPr fontId="3"/>
  </si>
  <si>
    <t>ご担当者様</t>
    <rPh sb="1" eb="5">
      <t>タントウシャサマ</t>
    </rPh>
    <phoneticPr fontId="11"/>
  </si>
  <si>
    <t>978-4-8399-7593-7</t>
    <phoneticPr fontId="11"/>
  </si>
  <si>
    <t>978-4-8399-7574-6</t>
    <phoneticPr fontId="11"/>
  </si>
  <si>
    <t>978-4-8399-7266-0</t>
    <phoneticPr fontId="11"/>
  </si>
  <si>
    <t>978-4-8399-7151-9</t>
    <phoneticPr fontId="11"/>
  </si>
  <si>
    <t>978-4-8399-7018-5</t>
    <phoneticPr fontId="11"/>
  </si>
  <si>
    <t>978-4-8399-7569-2</t>
    <phoneticPr fontId="11"/>
  </si>
  <si>
    <t>978-4-8399-7475-6</t>
    <phoneticPr fontId="11"/>
  </si>
  <si>
    <t>978-4-8399-7416-9</t>
    <phoneticPr fontId="11"/>
  </si>
  <si>
    <t>セット</t>
    <phoneticPr fontId="3"/>
  </si>
  <si>
    <t>978-4-8399-6916-5</t>
    <phoneticPr fontId="3"/>
  </si>
  <si>
    <t>ニーチェ</t>
  </si>
  <si>
    <t>978-4-8399-7752-8</t>
  </si>
  <si>
    <t>三国志</t>
    <rPh sb="0" eb="3">
      <t>サンゴクシ</t>
    </rPh>
    <phoneticPr fontId="3"/>
  </si>
  <si>
    <t>新刊</t>
    <rPh sb="0" eb="2">
      <t>シンカン</t>
    </rPh>
    <phoneticPr fontId="3"/>
  </si>
  <si>
    <t>女性天皇</t>
    <rPh sb="0" eb="4">
      <t>ジョセイテンノウ</t>
    </rPh>
    <phoneticPr fontId="3"/>
  </si>
  <si>
    <t>セット</t>
  </si>
  <si>
    <t>人生を豊かにしたい人のための</t>
    <phoneticPr fontId="3"/>
  </si>
  <si>
    <t>教養として学んでおきたい</t>
    <phoneticPr fontId="3"/>
  </si>
  <si>
    <t>978-4-8399-7795-5</t>
  </si>
  <si>
    <t>原田実</t>
  </si>
  <si>
    <t>978-4-8399-7725-2</t>
  </si>
  <si>
    <t>渡邉義浩</t>
  </si>
  <si>
    <t>『教養として学んでおきたい』シリーズ</t>
    <rPh sb="1" eb="3">
      <t>キョウヨウ</t>
    </rPh>
    <rPh sb="6" eb="7">
      <t>マナ</t>
    </rPh>
    <phoneticPr fontId="3"/>
  </si>
  <si>
    <t>『人生を豊かにしたい』シリーズ</t>
    <rPh sb="1" eb="3">
      <t>ジンセイ</t>
    </rPh>
    <rPh sb="4" eb="5">
      <t>ユタ</t>
    </rPh>
    <phoneticPr fontId="3"/>
  </si>
  <si>
    <t>『教養として学んでおきたい』&amp;『人生を豊かにしたい』</t>
    <rPh sb="1" eb="3">
      <t>キョウヨウ</t>
    </rPh>
    <rPh sb="6" eb="7">
      <t>マナ</t>
    </rPh>
    <phoneticPr fontId="3"/>
  </si>
  <si>
    <t>『人生を豊かにしたい人のための世界遺産』</t>
    <phoneticPr fontId="3"/>
  </si>
  <si>
    <t>教養として学んでおきたい　</t>
    <phoneticPr fontId="3"/>
  </si>
  <si>
    <t>クラシック音楽</t>
    <rPh sb="5" eb="7">
      <t>オンガク</t>
    </rPh>
    <phoneticPr fontId="3"/>
  </si>
  <si>
    <t>978-4-8399-7662-0</t>
  </si>
  <si>
    <t>澤和樹</t>
    <phoneticPr fontId="3"/>
  </si>
  <si>
    <t>『教養として学んでおきたい』『人生を豊かにしたい人のための』シリーズ</t>
    <rPh sb="1" eb="3">
      <t>キョウヨウ</t>
    </rPh>
    <rPh sb="6" eb="7">
      <t>マナ</t>
    </rPh>
    <phoneticPr fontId="1"/>
  </si>
  <si>
    <r>
      <t xml:space="preserve">(株)マイナビ出版 販売部 販売課
〒101-0003 
東京都千代田区一ツ橋2-6-3　一ツ橋ビル 2F
TEL.03-3556-2731
【ご注文ＦＡＸ】
</t>
    </r>
    <r>
      <rPr>
        <b/>
        <sz val="48"/>
        <color theme="1"/>
        <rFont val="游ゴシック"/>
        <family val="3"/>
        <charset val="128"/>
        <scheme val="minor"/>
      </rPr>
      <t>03-3556-2743</t>
    </r>
    <phoneticPr fontId="3"/>
  </si>
  <si>
    <t>搬入希望日</t>
    <rPh sb="0" eb="2">
      <t>ハンニュウ</t>
    </rPh>
    <rPh sb="2" eb="5">
      <t>キボウビ</t>
    </rPh>
    <phoneticPr fontId="3"/>
  </si>
  <si>
    <t>月</t>
    <rPh sb="0" eb="1">
      <t>ガツ</t>
    </rPh>
    <phoneticPr fontId="3"/>
  </si>
  <si>
    <t>日</t>
    <rPh sb="0" eb="1">
      <t>ニチ</t>
    </rPh>
    <phoneticPr fontId="3"/>
  </si>
  <si>
    <t>様</t>
    <rPh sb="0" eb="1">
      <t>サマ</t>
    </rPh>
    <phoneticPr fontId="3"/>
  </si>
  <si>
    <t>貴店名</t>
    <rPh sb="0" eb="2">
      <t>キテン</t>
    </rPh>
    <rPh sb="2" eb="3">
      <t>メイ</t>
    </rPh>
    <phoneticPr fontId="3"/>
  </si>
  <si>
    <t>取次様</t>
    <rPh sb="0" eb="3">
      <t>トリツギサマ</t>
    </rPh>
    <phoneticPr fontId="11"/>
  </si>
  <si>
    <t>番線</t>
    <rPh sb="0" eb="2">
      <t>バンセン</t>
    </rPh>
    <phoneticPr fontId="3"/>
  </si>
  <si>
    <t>をご用意</t>
    <rPh sb="2" eb="4">
      <t>ヨウイ</t>
    </rPh>
    <phoneticPr fontId="3"/>
  </si>
  <si>
    <t>販促物（POP・A4パネル）</t>
    <rPh sb="0" eb="3">
      <t>ハンソクブツ</t>
    </rPh>
    <phoneticPr fontId="3"/>
  </si>
  <si>
    <t>セット販促物（POP・A4パネル）</t>
    <rPh sb="3" eb="6">
      <t>ハンソクブツ</t>
    </rPh>
    <phoneticPr fontId="3"/>
  </si>
  <si>
    <t>書名：『教養として学んでおきたい聖書』</t>
    <rPh sb="0" eb="2">
      <t>ショメイ</t>
    </rPh>
    <phoneticPr fontId="3"/>
  </si>
  <si>
    <t>著者：中村圭志</t>
    <rPh sb="0" eb="2">
      <t>チョシャ</t>
    </rPh>
    <phoneticPr fontId="3"/>
  </si>
  <si>
    <t>価格：957円</t>
    <rPh sb="0" eb="2">
      <t>カカク</t>
    </rPh>
    <phoneticPr fontId="3"/>
  </si>
  <si>
    <t>新書判：216ページ</t>
  </si>
  <si>
    <t>ISBN：978-4-8399-7776-4</t>
  </si>
  <si>
    <t>発売日：2022年04月27日</t>
  </si>
  <si>
    <t>本書は聖書にそれほど縁のない方に向けた、教養として聖書について解説する書籍です。
本書の目的は、あくまで歴史的文献であり、西洋文明の礎の書となっている書物について学問寄りの知識の提供にあります。
名高い本なので、読んでみたい人は多いのですが、なにせ小型版六法全書のようにページのかさばる本のこと、素手で挑もうと思っても、なかなか歯がたたないようです。
やはり簡便なガイドが必要でしょう。また、聖書それ自体をざっくりどんな本か知っておきたい人もいるはずです。そういう人にも通読できる本が欲しい。
この二つの目的――聖書を読む際のガイドとなり、あるいは聖書自体を読まなくてもどういう書物なのかが理解できるガイド――を満足させるのが本書になります。</t>
    <phoneticPr fontId="3"/>
  </si>
  <si>
    <t>世界遺産</t>
  </si>
  <si>
    <t>宮澤光</t>
  </si>
  <si>
    <t>978-4-8399-7663-7</t>
  </si>
  <si>
    <t>19点×3冊</t>
    <rPh sb="2" eb="3">
      <t>テン</t>
    </rPh>
    <rPh sb="5" eb="6">
      <t>サツ</t>
    </rPh>
    <phoneticPr fontId="3"/>
  </si>
  <si>
    <t>15点×3冊</t>
    <rPh sb="2" eb="3">
      <t>テン</t>
    </rPh>
    <rPh sb="5" eb="6">
      <t>サツ</t>
    </rPh>
    <phoneticPr fontId="3"/>
  </si>
  <si>
    <t>４点×3冊</t>
    <rPh sb="1" eb="2">
      <t>テン</t>
    </rPh>
    <rPh sb="4" eb="5">
      <t>サツ</t>
    </rPh>
    <phoneticPr fontId="3"/>
  </si>
  <si>
    <t>※未刊の書籍につきましては、発売日以降でのお手配となります。ご了承くださいませ。</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5" x14ac:knownFonts="1">
    <font>
      <sz val="11"/>
      <color theme="1"/>
      <name val="游ゴシック"/>
      <family val="2"/>
      <charset val="128"/>
      <scheme val="minor"/>
    </font>
    <font>
      <sz val="11"/>
      <color theme="1"/>
      <name val="游ゴシック"/>
      <family val="2"/>
      <charset val="128"/>
      <scheme val="minor"/>
    </font>
    <font>
      <sz val="11"/>
      <color theme="0"/>
      <name val="游ゴシック"/>
      <family val="2"/>
      <charset val="128"/>
      <scheme val="minor"/>
    </font>
    <font>
      <sz val="6"/>
      <name val="游ゴシック"/>
      <family val="2"/>
      <charset val="128"/>
      <scheme val="minor"/>
    </font>
    <font>
      <sz val="36"/>
      <color theme="0"/>
      <name val="游ゴシック"/>
      <family val="2"/>
      <charset val="128"/>
      <scheme val="minor"/>
    </font>
    <font>
      <b/>
      <sz val="22"/>
      <color theme="1"/>
      <name val="游ゴシック"/>
      <family val="3"/>
      <charset val="128"/>
      <scheme val="minor"/>
    </font>
    <font>
      <b/>
      <sz val="36"/>
      <color theme="1"/>
      <name val="游ゴシック"/>
      <family val="3"/>
      <charset val="128"/>
      <scheme val="minor"/>
    </font>
    <font>
      <sz val="22"/>
      <color theme="1"/>
      <name val="游ゴシック"/>
      <family val="3"/>
      <charset val="128"/>
      <scheme val="minor"/>
    </font>
    <font>
      <sz val="11"/>
      <color theme="1"/>
      <name val="游ゴシック"/>
      <family val="3"/>
      <charset val="128"/>
      <scheme val="minor"/>
    </font>
    <font>
      <b/>
      <sz val="16"/>
      <color theme="1"/>
      <name val="游ゴシック"/>
      <family val="3"/>
      <charset val="128"/>
      <scheme val="minor"/>
    </font>
    <font>
      <b/>
      <sz val="24"/>
      <color theme="1"/>
      <name val="游ゴシック"/>
      <family val="3"/>
      <charset val="128"/>
      <scheme val="minor"/>
    </font>
    <font>
      <sz val="6"/>
      <name val="游ゴシック"/>
      <family val="3"/>
      <charset val="128"/>
      <scheme val="minor"/>
    </font>
    <font>
      <b/>
      <i/>
      <sz val="14"/>
      <color theme="0"/>
      <name val="游ゴシック"/>
      <family val="3"/>
      <charset val="128"/>
      <scheme val="minor"/>
    </font>
    <font>
      <b/>
      <sz val="48"/>
      <color theme="1"/>
      <name val="游ゴシック"/>
      <family val="3"/>
      <charset val="128"/>
      <scheme val="minor"/>
    </font>
    <font>
      <sz val="20"/>
      <color theme="1"/>
      <name val="游ゴシック"/>
      <family val="3"/>
      <charset val="128"/>
      <scheme val="minor"/>
    </font>
    <font>
      <b/>
      <sz val="20"/>
      <color theme="1"/>
      <name val="游ゴシック"/>
      <family val="3"/>
      <charset val="128"/>
      <scheme val="minor"/>
    </font>
    <font>
      <sz val="22"/>
      <color theme="1"/>
      <name val="游ゴシック"/>
      <family val="2"/>
      <charset val="128"/>
      <scheme val="minor"/>
    </font>
    <font>
      <b/>
      <sz val="22"/>
      <color theme="0"/>
      <name val="游ゴシック"/>
      <family val="3"/>
      <charset val="128"/>
      <scheme val="minor"/>
    </font>
    <font>
      <sz val="22"/>
      <color theme="0"/>
      <name val="游ゴシック"/>
      <family val="3"/>
      <charset val="128"/>
      <scheme val="minor"/>
    </font>
    <font>
      <b/>
      <i/>
      <sz val="22"/>
      <color theme="0"/>
      <name val="游ゴシック"/>
      <family val="3"/>
      <charset val="128"/>
      <scheme val="minor"/>
    </font>
    <font>
      <b/>
      <sz val="28"/>
      <color theme="0"/>
      <name val="游ゴシック"/>
      <family val="3"/>
      <charset val="128"/>
      <scheme val="minor"/>
    </font>
    <font>
      <b/>
      <sz val="36"/>
      <color theme="0"/>
      <name val="游ゴシック"/>
      <family val="3"/>
      <charset val="128"/>
      <scheme val="minor"/>
    </font>
    <font>
      <b/>
      <sz val="72"/>
      <color theme="1"/>
      <name val="游ゴシック"/>
      <family val="3"/>
      <charset val="128"/>
      <scheme val="minor"/>
    </font>
    <font>
      <b/>
      <sz val="26"/>
      <color theme="1"/>
      <name val="游ゴシック"/>
      <family val="3"/>
      <charset val="128"/>
      <scheme val="minor"/>
    </font>
    <font>
      <b/>
      <sz val="26"/>
      <color theme="0"/>
      <name val="游ゴシック"/>
      <family val="3"/>
      <charset val="128"/>
      <scheme val="minor"/>
    </font>
  </fonts>
  <fills count="3">
    <fill>
      <patternFill patternType="none"/>
    </fill>
    <fill>
      <patternFill patternType="gray125"/>
    </fill>
    <fill>
      <patternFill patternType="solid">
        <fgColor theme="1"/>
        <bgColor indexed="64"/>
      </patternFill>
    </fill>
  </fills>
  <borders count="5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thin">
        <color indexed="64"/>
      </left>
      <right style="thin">
        <color indexed="64"/>
      </right>
      <top style="thin">
        <color indexed="64"/>
      </top>
      <bottom style="medium">
        <color indexed="64"/>
      </bottom>
      <diagonal/>
    </border>
    <border>
      <left/>
      <right/>
      <top style="medium">
        <color indexed="64"/>
      </top>
      <bottom style="thin">
        <color indexed="64"/>
      </bottom>
      <diagonal/>
    </border>
    <border>
      <left/>
      <right style="medium">
        <color indexed="64"/>
      </right>
      <top/>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style="medium">
        <color indexed="64"/>
      </left>
      <right/>
      <top/>
      <bottom style="medium">
        <color indexed="64"/>
      </bottom>
      <diagonal/>
    </border>
    <border>
      <left style="thin">
        <color indexed="64"/>
      </left>
      <right/>
      <top style="thin">
        <color indexed="64"/>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style="thin">
        <color indexed="64"/>
      </top>
      <bottom/>
      <diagonal/>
    </border>
    <border>
      <left style="thin">
        <color indexed="64"/>
      </left>
      <right/>
      <top style="thin">
        <color indexed="64"/>
      </top>
      <bottom style="double">
        <color indexed="64"/>
      </bottom>
      <diagonal/>
    </border>
    <border>
      <left/>
      <right/>
      <top style="thin">
        <color indexed="64"/>
      </top>
      <bottom style="double">
        <color indexed="64"/>
      </bottom>
      <diagonal/>
    </border>
    <border>
      <left/>
      <right style="thin">
        <color indexed="64"/>
      </right>
      <top style="thin">
        <color indexed="64"/>
      </top>
      <bottom style="double">
        <color indexed="64"/>
      </bottom>
      <diagonal/>
    </border>
    <border>
      <left style="thin">
        <color indexed="64"/>
      </left>
      <right style="thin">
        <color indexed="64"/>
      </right>
      <top style="thin">
        <color indexed="64"/>
      </top>
      <bottom style="double">
        <color indexed="64"/>
      </bottom>
      <diagonal/>
    </border>
    <border>
      <left style="medium">
        <color indexed="64"/>
      </left>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diagonal/>
    </border>
    <border>
      <left/>
      <right/>
      <top style="thin">
        <color indexed="64"/>
      </top>
      <bottom style="medium">
        <color indexed="64"/>
      </bottom>
      <diagonal/>
    </border>
    <border>
      <left style="thin">
        <color indexed="64"/>
      </left>
      <right/>
      <top/>
      <bottom/>
      <diagonal/>
    </border>
    <border>
      <left/>
      <right style="thin">
        <color indexed="64"/>
      </right>
      <top/>
      <bottom/>
      <diagonal/>
    </border>
    <border>
      <left/>
      <right style="thin">
        <color indexed="64"/>
      </right>
      <top style="medium">
        <color indexed="64"/>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medium">
        <color indexed="64"/>
      </right>
      <top style="thin">
        <color indexed="64"/>
      </top>
      <bottom style="double">
        <color indexed="64"/>
      </bottom>
      <diagonal/>
    </border>
    <border>
      <left/>
      <right style="medium">
        <color indexed="64"/>
      </right>
      <top style="double">
        <color indexed="64"/>
      </top>
      <bottom style="medium">
        <color indexed="64"/>
      </bottom>
      <diagonal/>
    </border>
    <border>
      <left/>
      <right/>
      <top style="double">
        <color indexed="64"/>
      </top>
      <bottom style="medium">
        <color indexed="64"/>
      </bottom>
      <diagonal/>
    </border>
    <border>
      <left style="thin">
        <color indexed="64"/>
      </left>
      <right/>
      <top style="double">
        <color indexed="64"/>
      </top>
      <bottom style="medium">
        <color indexed="64"/>
      </bottom>
      <diagonal/>
    </border>
    <border>
      <left style="thin">
        <color indexed="64"/>
      </left>
      <right/>
      <top style="medium">
        <color indexed="64"/>
      </top>
      <bottom style="medium">
        <color indexed="64"/>
      </bottom>
      <diagonal/>
    </border>
    <border>
      <left/>
      <right style="thin">
        <color indexed="64"/>
      </right>
      <top style="double">
        <color indexed="64"/>
      </top>
      <bottom style="medium">
        <color indexed="64"/>
      </bottom>
      <diagonal/>
    </border>
  </borders>
  <cellStyleXfs count="1">
    <xf numFmtId="0" fontId="0" fillId="0" borderId="0">
      <alignment vertical="center"/>
    </xf>
  </cellStyleXfs>
  <cellXfs count="132">
    <xf numFmtId="0" fontId="0" fillId="0" borderId="0" xfId="0">
      <alignment vertical="center"/>
    </xf>
    <xf numFmtId="0" fontId="2" fillId="0" borderId="0" xfId="0" applyFont="1" applyFill="1">
      <alignment vertical="center"/>
    </xf>
    <xf numFmtId="0" fontId="8" fillId="0" borderId="0" xfId="0" applyFont="1" applyBorder="1" applyAlignment="1">
      <alignment vertical="top" wrapText="1" shrinkToFit="1"/>
    </xf>
    <xf numFmtId="0" fontId="0" fillId="0" borderId="0" xfId="0" applyBorder="1" applyAlignment="1">
      <alignment vertical="top" shrinkToFit="1"/>
    </xf>
    <xf numFmtId="0" fontId="7" fillId="0" borderId="5" xfId="0" applyFont="1" applyBorder="1" applyAlignment="1">
      <alignment horizontal="center" vertical="center"/>
    </xf>
    <xf numFmtId="0" fontId="0" fillId="0" borderId="0" xfId="0" applyBorder="1" applyAlignment="1">
      <alignment vertical="center"/>
    </xf>
    <xf numFmtId="0" fontId="0" fillId="0" borderId="0" xfId="0" applyBorder="1">
      <alignment vertical="center"/>
    </xf>
    <xf numFmtId="0" fontId="0" fillId="0" borderId="10" xfId="0" applyBorder="1" applyAlignment="1">
      <alignment vertical="center"/>
    </xf>
    <xf numFmtId="0" fontId="7" fillId="0" borderId="23" xfId="0" applyFont="1" applyBorder="1" applyAlignment="1">
      <alignment horizontal="center" vertical="center"/>
    </xf>
    <xf numFmtId="0" fontId="7" fillId="0" borderId="27" xfId="0" applyFont="1" applyBorder="1" applyAlignment="1">
      <alignment horizontal="center" vertical="center"/>
    </xf>
    <xf numFmtId="0" fontId="10" fillId="0" borderId="0" xfId="0" applyFont="1" applyBorder="1" applyAlignment="1">
      <alignment horizontal="center" vertical="center" wrapText="1"/>
    </xf>
    <xf numFmtId="0" fontId="10" fillId="0" borderId="16" xfId="0" applyFont="1" applyBorder="1" applyAlignment="1">
      <alignment vertical="center" wrapText="1"/>
    </xf>
    <xf numFmtId="0" fontId="0" fillId="0" borderId="0" xfId="0" applyFill="1" applyBorder="1" applyAlignment="1">
      <alignment vertical="center"/>
    </xf>
    <xf numFmtId="0" fontId="9" fillId="0" borderId="33" xfId="0" applyFont="1" applyFill="1" applyBorder="1" applyAlignment="1">
      <alignment horizontal="left" vertical="center" wrapText="1"/>
    </xf>
    <xf numFmtId="0" fontId="9" fillId="0" borderId="0" xfId="0" applyFont="1" applyFill="1" applyBorder="1" applyAlignment="1">
      <alignment horizontal="left" vertical="center" wrapText="1"/>
    </xf>
    <xf numFmtId="0" fontId="7" fillId="0" borderId="0" xfId="0" applyFont="1" applyFill="1" applyBorder="1" applyAlignment="1">
      <alignment horizontal="center" vertical="center"/>
    </xf>
    <xf numFmtId="0" fontId="0" fillId="0" borderId="0" xfId="0" applyFill="1" applyBorder="1">
      <alignment vertical="center"/>
    </xf>
    <xf numFmtId="0" fontId="16" fillId="0" borderId="0" xfId="0" applyFont="1" applyFill="1" applyBorder="1" applyAlignment="1">
      <alignment horizontal="right" vertical="center"/>
    </xf>
    <xf numFmtId="0" fontId="16" fillId="0" borderId="0" xfId="0" applyFont="1" applyFill="1" applyBorder="1" applyAlignment="1">
      <alignment horizontal="left" vertical="center"/>
    </xf>
    <xf numFmtId="0" fontId="5" fillId="0" borderId="5" xfId="0" applyFont="1" applyBorder="1" applyAlignment="1">
      <alignment horizontal="center" vertical="center"/>
    </xf>
    <xf numFmtId="0" fontId="7" fillId="0" borderId="0" xfId="0" applyFont="1">
      <alignment vertical="center"/>
    </xf>
    <xf numFmtId="0" fontId="7" fillId="0" borderId="2" xfId="0" applyFont="1" applyBorder="1">
      <alignment vertical="center"/>
    </xf>
    <xf numFmtId="0" fontId="7" fillId="0" borderId="3" xfId="0" applyFont="1" applyBorder="1">
      <alignment vertical="center"/>
    </xf>
    <xf numFmtId="0" fontId="7" fillId="0" borderId="1" xfId="0" applyFont="1" applyBorder="1" applyAlignment="1">
      <alignment horizontal="center" vertical="center"/>
    </xf>
    <xf numFmtId="31" fontId="7" fillId="0" borderId="1" xfId="0" applyNumberFormat="1" applyFont="1" applyBorder="1" applyAlignment="1">
      <alignment horizontal="center" vertical="center"/>
    </xf>
    <xf numFmtId="0" fontId="7" fillId="0" borderId="13" xfId="0" applyFont="1" applyBorder="1">
      <alignment vertical="center"/>
    </xf>
    <xf numFmtId="0" fontId="7" fillId="0" borderId="14" xfId="0" applyFont="1" applyBorder="1">
      <alignment vertical="center"/>
    </xf>
    <xf numFmtId="0" fontId="7" fillId="0" borderId="7" xfId="0" applyFont="1" applyBorder="1" applyAlignment="1">
      <alignment horizontal="center" vertical="center"/>
    </xf>
    <xf numFmtId="31" fontId="7" fillId="0" borderId="7" xfId="0" applyNumberFormat="1" applyFont="1" applyBorder="1" applyAlignment="1">
      <alignment horizontal="center" vertical="center"/>
    </xf>
    <xf numFmtId="0" fontId="0" fillId="0" borderId="0" xfId="0" applyFill="1" applyBorder="1" applyAlignment="1">
      <alignment horizontal="center" vertical="center"/>
    </xf>
    <xf numFmtId="0" fontId="0" fillId="0" borderId="0" xfId="0" applyAlignment="1">
      <alignment horizontal="center" vertical="center"/>
    </xf>
    <xf numFmtId="0" fontId="20" fillId="0" borderId="0" xfId="0" applyFont="1" applyFill="1" applyBorder="1" applyAlignment="1">
      <alignment horizontal="center" vertical="center"/>
    </xf>
    <xf numFmtId="0" fontId="4" fillId="0" borderId="0" xfId="0" applyFont="1" applyFill="1" applyBorder="1" applyAlignment="1">
      <alignment horizontal="center" vertical="center" textRotation="255"/>
    </xf>
    <xf numFmtId="0" fontId="12" fillId="0" borderId="0" xfId="0" applyFont="1" applyFill="1" applyBorder="1" applyAlignment="1">
      <alignment horizontal="center" vertical="center"/>
    </xf>
    <xf numFmtId="0" fontId="5" fillId="0" borderId="41" xfId="0" applyFont="1" applyBorder="1" applyAlignment="1">
      <alignment horizontal="center" vertical="center"/>
    </xf>
    <xf numFmtId="0" fontId="5" fillId="0" borderId="43" xfId="0" applyFont="1" applyBorder="1" applyAlignment="1">
      <alignment horizontal="center" vertical="center"/>
    </xf>
    <xf numFmtId="0" fontId="22" fillId="0" borderId="22" xfId="0" applyFont="1" applyBorder="1" applyAlignment="1">
      <alignment horizontal="center" wrapText="1"/>
    </xf>
    <xf numFmtId="0" fontId="23" fillId="0" borderId="9" xfId="0" applyFont="1" applyBorder="1" applyAlignment="1">
      <alignment vertical="top" shrinkToFit="1"/>
    </xf>
    <xf numFmtId="0" fontId="22" fillId="0" borderId="21" xfId="0" applyFont="1" applyBorder="1" applyAlignment="1" applyProtection="1">
      <alignment horizontal="center" vertical="center" wrapText="1"/>
      <protection locked="0"/>
    </xf>
    <xf numFmtId="0" fontId="9" fillId="0" borderId="48" xfId="0" applyFont="1" applyBorder="1" applyAlignment="1" applyProtection="1">
      <alignment vertical="center" wrapText="1"/>
      <protection locked="0"/>
    </xf>
    <xf numFmtId="0" fontId="5" fillId="0" borderId="2" xfId="0" applyFont="1" applyBorder="1" applyAlignment="1" applyProtection="1">
      <alignment horizontal="center" vertical="center"/>
      <protection locked="0"/>
    </xf>
    <xf numFmtId="0" fontId="5" fillId="0" borderId="13" xfId="0" applyFont="1" applyBorder="1" applyAlignment="1" applyProtection="1">
      <alignment horizontal="center" vertical="center"/>
      <protection locked="0"/>
    </xf>
    <xf numFmtId="0" fontId="5" fillId="0" borderId="6" xfId="0" applyFont="1" applyBorder="1" applyAlignment="1" applyProtection="1">
      <alignment horizontal="center" vertical="center"/>
      <protection locked="0"/>
    </xf>
    <xf numFmtId="0" fontId="5" fillId="0" borderId="20" xfId="0" applyFont="1" applyBorder="1" applyAlignment="1" applyProtection="1">
      <alignment horizontal="center" vertical="center"/>
      <protection locked="0"/>
    </xf>
    <xf numFmtId="0" fontId="5" fillId="0" borderId="24" xfId="0" applyFont="1" applyBorder="1" applyAlignment="1" applyProtection="1">
      <alignment horizontal="center" vertical="center"/>
      <protection locked="0"/>
    </xf>
    <xf numFmtId="0" fontId="7" fillId="0" borderId="47" xfId="0" applyFont="1" applyFill="1" applyBorder="1" applyAlignment="1" applyProtection="1">
      <alignment vertical="center"/>
      <protection locked="0"/>
    </xf>
    <xf numFmtId="0" fontId="23" fillId="0" borderId="18" xfId="0" applyFont="1" applyBorder="1" applyAlignment="1" applyProtection="1">
      <alignment vertical="top" shrinkToFit="1"/>
      <protection locked="0"/>
    </xf>
    <xf numFmtId="0" fontId="5" fillId="0" borderId="15" xfId="0" applyFont="1" applyBorder="1" applyAlignment="1">
      <alignment horizontal="left" vertical="center" wrapText="1" shrinkToFit="1"/>
    </xf>
    <xf numFmtId="0" fontId="5" fillId="0" borderId="16" xfId="0" applyFont="1" applyBorder="1" applyAlignment="1">
      <alignment horizontal="left" vertical="center" shrinkToFit="1"/>
    </xf>
    <xf numFmtId="0" fontId="5" fillId="0" borderId="17" xfId="0" applyFont="1" applyBorder="1" applyAlignment="1">
      <alignment horizontal="left" vertical="center" shrinkToFit="1"/>
    </xf>
    <xf numFmtId="0" fontId="5" fillId="0" borderId="18" xfId="0" applyFont="1" applyBorder="1" applyAlignment="1">
      <alignment horizontal="left" vertical="center" shrinkToFit="1"/>
    </xf>
    <xf numFmtId="0" fontId="5" fillId="0" borderId="0" xfId="0" applyFont="1" applyBorder="1" applyAlignment="1">
      <alignment horizontal="left" vertical="center" shrinkToFit="1"/>
    </xf>
    <xf numFmtId="0" fontId="5" fillId="0" borderId="9" xfId="0" applyFont="1" applyBorder="1" applyAlignment="1">
      <alignment horizontal="left" vertical="center" shrinkToFit="1"/>
    </xf>
    <xf numFmtId="0" fontId="5" fillId="0" borderId="19" xfId="0" applyFont="1" applyBorder="1" applyAlignment="1">
      <alignment horizontal="left" vertical="center" shrinkToFit="1"/>
    </xf>
    <xf numFmtId="0" fontId="5" fillId="0" borderId="10" xfId="0" applyFont="1" applyBorder="1" applyAlignment="1">
      <alignment horizontal="left" vertical="center" shrinkToFit="1"/>
    </xf>
    <xf numFmtId="0" fontId="5" fillId="0" borderId="11" xfId="0" applyFont="1" applyBorder="1" applyAlignment="1">
      <alignment horizontal="left" vertical="center" shrinkToFit="1"/>
    </xf>
    <xf numFmtId="0" fontId="23" fillId="0" borderId="19" xfId="0" applyFont="1" applyBorder="1" applyAlignment="1" applyProtection="1">
      <alignment horizontal="center" vertical="top" shrinkToFit="1"/>
      <protection locked="0"/>
    </xf>
    <xf numFmtId="0" fontId="23" fillId="0" borderId="11" xfId="0" applyFont="1" applyBorder="1" applyAlignment="1" applyProtection="1">
      <alignment horizontal="center" vertical="top" shrinkToFit="1"/>
      <protection locked="0"/>
    </xf>
    <xf numFmtId="0" fontId="24" fillId="2" borderId="15" xfId="0" applyFont="1" applyFill="1" applyBorder="1" applyAlignment="1">
      <alignment horizontal="center" vertical="top" shrinkToFit="1"/>
    </xf>
    <xf numFmtId="0" fontId="24" fillId="2" borderId="17" xfId="0" applyFont="1" applyFill="1" applyBorder="1" applyAlignment="1">
      <alignment horizontal="center" vertical="top" shrinkToFit="1"/>
    </xf>
    <xf numFmtId="0" fontId="24" fillId="2" borderId="18" xfId="0" applyFont="1" applyFill="1" applyBorder="1" applyAlignment="1">
      <alignment horizontal="center" vertical="top" shrinkToFit="1"/>
    </xf>
    <xf numFmtId="0" fontId="24" fillId="2" borderId="9" xfId="0" applyFont="1" applyFill="1" applyBorder="1" applyAlignment="1">
      <alignment horizontal="center" vertical="top" shrinkToFit="1"/>
    </xf>
    <xf numFmtId="0" fontId="23" fillId="0" borderId="18" xfId="0" applyFont="1" applyBorder="1" applyAlignment="1" applyProtection="1">
      <alignment horizontal="center" vertical="top" shrinkToFit="1"/>
      <protection locked="0"/>
    </xf>
    <xf numFmtId="0" fontId="23" fillId="0" borderId="9" xfId="0" applyFont="1" applyBorder="1" applyAlignment="1" applyProtection="1">
      <alignment horizontal="center" vertical="top" shrinkToFit="1"/>
      <protection locked="0"/>
    </xf>
    <xf numFmtId="0" fontId="21" fillId="2" borderId="21" xfId="0" applyFont="1" applyFill="1" applyBorder="1" applyAlignment="1">
      <alignment horizontal="center" vertical="center" wrapText="1"/>
    </xf>
    <xf numFmtId="0" fontId="21" fillId="2" borderId="22" xfId="0" applyFont="1" applyFill="1" applyBorder="1" applyAlignment="1">
      <alignment horizontal="center" vertical="center"/>
    </xf>
    <xf numFmtId="0" fontId="21" fillId="2" borderId="38" xfId="0" applyFont="1" applyFill="1" applyBorder="1" applyAlignment="1">
      <alignment horizontal="center" vertical="center"/>
    </xf>
    <xf numFmtId="0" fontId="4" fillId="2" borderId="15" xfId="0" applyFont="1" applyFill="1" applyBorder="1" applyAlignment="1">
      <alignment horizontal="center" vertical="center" textRotation="255"/>
    </xf>
    <xf numFmtId="0" fontId="4" fillId="2" borderId="18" xfId="0" applyFont="1" applyFill="1" applyBorder="1" applyAlignment="1">
      <alignment horizontal="center" vertical="center" textRotation="255"/>
    </xf>
    <xf numFmtId="0" fontId="4" fillId="2" borderId="19" xfId="0" applyFont="1" applyFill="1" applyBorder="1" applyAlignment="1">
      <alignment horizontal="center" vertical="center" textRotation="255"/>
    </xf>
    <xf numFmtId="0" fontId="6" fillId="0" borderId="28" xfId="0" applyFont="1" applyBorder="1" applyAlignment="1">
      <alignment horizontal="left" vertical="center" wrapText="1"/>
    </xf>
    <xf numFmtId="0" fontId="6" fillId="0" borderId="8" xfId="0" applyFont="1" applyBorder="1" applyAlignment="1">
      <alignment horizontal="left" vertical="center" wrapText="1"/>
    </xf>
    <xf numFmtId="0" fontId="6" fillId="0" borderId="36" xfId="0" applyFont="1" applyBorder="1" applyAlignment="1">
      <alignment horizontal="left" vertical="center" wrapText="1"/>
    </xf>
    <xf numFmtId="0" fontId="5" fillId="0" borderId="29" xfId="0" applyFont="1" applyBorder="1" applyAlignment="1">
      <alignment horizontal="left" vertical="center" wrapText="1"/>
    </xf>
    <xf numFmtId="0" fontId="5" fillId="0" borderId="4" xfId="0" applyFont="1" applyBorder="1" applyAlignment="1">
      <alignment horizontal="left" vertical="center" wrapText="1"/>
    </xf>
    <xf numFmtId="0" fontId="5" fillId="0" borderId="30" xfId="0" applyFont="1" applyBorder="1" applyAlignment="1">
      <alignment horizontal="left" vertical="center" wrapText="1"/>
    </xf>
    <xf numFmtId="0" fontId="5" fillId="0" borderId="32" xfId="0" applyFont="1" applyBorder="1" applyAlignment="1">
      <alignment horizontal="left" vertical="center" wrapText="1"/>
    </xf>
    <xf numFmtId="0" fontId="17" fillId="2" borderId="21" xfId="0" applyFont="1" applyFill="1" applyBorder="1" applyAlignment="1">
      <alignment horizontal="center" vertical="center" wrapText="1"/>
    </xf>
    <xf numFmtId="0" fontId="17" fillId="2" borderId="35" xfId="0" applyFont="1" applyFill="1" applyBorder="1" applyAlignment="1">
      <alignment horizontal="center" vertical="center" wrapText="1"/>
    </xf>
    <xf numFmtId="0" fontId="23" fillId="2" borderId="18" xfId="0" applyFont="1" applyFill="1" applyBorder="1" applyAlignment="1">
      <alignment horizontal="center" vertical="top" shrinkToFit="1"/>
    </xf>
    <xf numFmtId="0" fontId="23" fillId="2" borderId="9" xfId="0" applyFont="1" applyFill="1" applyBorder="1" applyAlignment="1">
      <alignment horizontal="center" vertical="top" shrinkToFit="1"/>
    </xf>
    <xf numFmtId="0" fontId="23" fillId="2" borderId="19" xfId="0" applyFont="1" applyFill="1" applyBorder="1" applyAlignment="1">
      <alignment horizontal="center" vertical="top" shrinkToFit="1"/>
    </xf>
    <xf numFmtId="0" fontId="23" fillId="2" borderId="11" xfId="0" applyFont="1" applyFill="1" applyBorder="1" applyAlignment="1">
      <alignment horizontal="center" vertical="top" shrinkToFit="1"/>
    </xf>
    <xf numFmtId="0" fontId="17" fillId="2" borderId="21" xfId="0" applyFont="1" applyFill="1" applyBorder="1" applyAlignment="1">
      <alignment horizontal="center" vertical="center"/>
    </xf>
    <xf numFmtId="0" fontId="17" fillId="2" borderId="22" xfId="0" applyFont="1" applyFill="1" applyBorder="1" applyAlignment="1">
      <alignment horizontal="center" vertical="center"/>
    </xf>
    <xf numFmtId="0" fontId="9" fillId="0" borderId="20" xfId="0" applyFont="1" applyBorder="1" applyAlignment="1">
      <alignment horizontal="left" vertical="center" wrapText="1"/>
    </xf>
    <xf numFmtId="0" fontId="9" fillId="0" borderId="31" xfId="0" applyFont="1" applyBorder="1" applyAlignment="1">
      <alignment horizontal="left" vertical="center" wrapText="1"/>
    </xf>
    <xf numFmtId="0" fontId="9" fillId="0" borderId="37" xfId="0" applyFont="1" applyBorder="1" applyAlignment="1">
      <alignment horizontal="left" vertical="center" wrapText="1"/>
    </xf>
    <xf numFmtId="0" fontId="9" fillId="0" borderId="33" xfId="0" applyFont="1" applyBorder="1" applyAlignment="1">
      <alignment horizontal="left" vertical="center" wrapText="1"/>
    </xf>
    <xf numFmtId="0" fontId="9" fillId="0" borderId="0" xfId="0" applyFont="1" applyBorder="1" applyAlignment="1">
      <alignment horizontal="left" vertical="center" wrapText="1"/>
    </xf>
    <xf numFmtId="0" fontId="9" fillId="0" borderId="9" xfId="0" applyFont="1" applyBorder="1" applyAlignment="1">
      <alignment horizontal="left" vertical="center" wrapText="1"/>
    </xf>
    <xf numFmtId="0" fontId="5" fillId="0" borderId="22" xfId="0" applyFont="1" applyBorder="1" applyAlignment="1">
      <alignment horizontal="left" vertical="center" wrapText="1"/>
    </xf>
    <xf numFmtId="0" fontId="5" fillId="0" borderId="38" xfId="0" applyFont="1" applyBorder="1" applyAlignment="1">
      <alignment horizontal="left" vertical="center" wrapText="1"/>
    </xf>
    <xf numFmtId="0" fontId="7" fillId="0" borderId="46" xfId="0" applyFont="1" applyFill="1" applyBorder="1" applyAlignment="1">
      <alignment horizontal="left" vertical="center"/>
    </xf>
    <xf numFmtId="0" fontId="7" fillId="0" borderId="45" xfId="0" applyFont="1" applyFill="1" applyBorder="1" applyAlignment="1">
      <alignment horizontal="left" vertical="center"/>
    </xf>
    <xf numFmtId="0" fontId="7" fillId="0" borderId="46" xfId="0" applyFont="1" applyBorder="1" applyAlignment="1">
      <alignment horizontal="left" vertical="center"/>
    </xf>
    <xf numFmtId="0" fontId="7" fillId="0" borderId="49" xfId="0" applyFont="1" applyBorder="1" applyAlignment="1">
      <alignment horizontal="left" vertical="center"/>
    </xf>
    <xf numFmtId="0" fontId="18" fillId="2" borderId="39" xfId="0" applyFont="1" applyFill="1" applyBorder="1" applyAlignment="1">
      <alignment horizontal="center" vertical="center" textRotation="255"/>
    </xf>
    <xf numFmtId="0" fontId="18" fillId="2" borderId="40" xfId="0" applyFont="1" applyFill="1" applyBorder="1" applyAlignment="1">
      <alignment horizontal="center" vertical="center" textRotation="255"/>
    </xf>
    <xf numFmtId="0" fontId="18" fillId="2" borderId="42" xfId="0" applyFont="1" applyFill="1" applyBorder="1" applyAlignment="1">
      <alignment horizontal="center" vertical="center" textRotation="255"/>
    </xf>
    <xf numFmtId="0" fontId="5" fillId="0" borderId="6" xfId="0" applyFont="1" applyBorder="1" applyAlignment="1">
      <alignment horizontal="center" vertical="center"/>
    </xf>
    <xf numFmtId="0" fontId="5" fillId="0" borderId="12" xfId="0" applyFont="1" applyBorder="1" applyAlignment="1">
      <alignment horizontal="center" vertical="center"/>
    </xf>
    <xf numFmtId="0" fontId="17" fillId="2" borderId="6" xfId="0" applyFont="1" applyFill="1" applyBorder="1" applyAlignment="1">
      <alignment horizontal="center" vertical="center"/>
    </xf>
    <xf numFmtId="0" fontId="17" fillId="2" borderId="36" xfId="0" applyFont="1" applyFill="1" applyBorder="1" applyAlignment="1">
      <alignment horizontal="center" vertical="center"/>
    </xf>
    <xf numFmtId="0" fontId="19" fillId="2" borderId="15" xfId="0" applyFont="1" applyFill="1" applyBorder="1" applyAlignment="1">
      <alignment horizontal="center" vertical="center" textRotation="255"/>
    </xf>
    <xf numFmtId="0" fontId="19" fillId="2" borderId="18" xfId="0" applyFont="1" applyFill="1" applyBorder="1" applyAlignment="1">
      <alignment horizontal="center" vertical="center" textRotation="255"/>
    </xf>
    <xf numFmtId="0" fontId="19" fillId="2" borderId="19" xfId="0" applyFont="1" applyFill="1" applyBorder="1" applyAlignment="1">
      <alignment horizontal="center" vertical="center" textRotation="255"/>
    </xf>
    <xf numFmtId="0" fontId="7" fillId="0" borderId="6" xfId="0" applyFont="1" applyFill="1" applyBorder="1" applyAlignment="1">
      <alignment horizontal="left" vertical="center"/>
    </xf>
    <xf numFmtId="0" fontId="7" fillId="0" borderId="8" xfId="0" applyFont="1" applyFill="1" applyBorder="1" applyAlignment="1">
      <alignment horizontal="left" vertical="center"/>
    </xf>
    <xf numFmtId="0" fontId="7" fillId="0" borderId="12" xfId="0" applyFont="1" applyFill="1" applyBorder="1" applyAlignment="1">
      <alignment horizontal="left" vertical="center"/>
    </xf>
    <xf numFmtId="0" fontId="5" fillId="0" borderId="8" xfId="0" applyFont="1" applyBorder="1" applyAlignment="1">
      <alignment horizontal="right" vertical="center"/>
    </xf>
    <xf numFmtId="0" fontId="5" fillId="0" borderId="36" xfId="0" applyFont="1" applyBorder="1" applyAlignment="1">
      <alignment horizontal="right" vertical="center"/>
    </xf>
    <xf numFmtId="0" fontId="7" fillId="0" borderId="2" xfId="0" applyFont="1" applyFill="1" applyBorder="1" applyAlignment="1">
      <alignment horizontal="left" vertical="center"/>
    </xf>
    <xf numFmtId="0" fontId="7" fillId="0" borderId="4" xfId="0" applyFont="1" applyFill="1" applyBorder="1" applyAlignment="1">
      <alignment horizontal="left" vertical="center"/>
    </xf>
    <xf numFmtId="0" fontId="7" fillId="0" borderId="3" xfId="0" applyFont="1" applyFill="1" applyBorder="1" applyAlignment="1">
      <alignment horizontal="left" vertical="center"/>
    </xf>
    <xf numFmtId="0" fontId="5" fillId="0" borderId="4" xfId="0" applyFont="1" applyBorder="1" applyAlignment="1">
      <alignment horizontal="right" vertical="center"/>
    </xf>
    <xf numFmtId="0" fontId="5" fillId="0" borderId="41" xfId="0" applyFont="1" applyBorder="1" applyAlignment="1">
      <alignment horizontal="right" vertical="center"/>
    </xf>
    <xf numFmtId="0" fontId="7" fillId="0" borderId="24" xfId="0" applyFont="1" applyFill="1" applyBorder="1" applyAlignment="1">
      <alignment horizontal="left" vertical="center"/>
    </xf>
    <xf numFmtId="0" fontId="7" fillId="0" borderId="25" xfId="0" applyFont="1" applyFill="1" applyBorder="1" applyAlignment="1">
      <alignment horizontal="left" vertical="center"/>
    </xf>
    <xf numFmtId="0" fontId="7" fillId="0" borderId="26" xfId="0" applyFont="1" applyFill="1" applyBorder="1" applyAlignment="1">
      <alignment horizontal="left" vertical="center"/>
    </xf>
    <xf numFmtId="0" fontId="5" fillId="0" borderId="25" xfId="0" applyFont="1" applyBorder="1" applyAlignment="1">
      <alignment horizontal="right" vertical="center"/>
    </xf>
    <xf numFmtId="0" fontId="5" fillId="0" borderId="44" xfId="0" applyFont="1" applyBorder="1" applyAlignment="1">
      <alignment horizontal="right" vertical="center"/>
    </xf>
    <xf numFmtId="0" fontId="10" fillId="0" borderId="0" xfId="0" applyFont="1" applyBorder="1" applyAlignment="1">
      <alignment vertical="center" wrapText="1"/>
    </xf>
    <xf numFmtId="0" fontId="5" fillId="0" borderId="41" xfId="0" applyFont="1" applyBorder="1" applyAlignment="1">
      <alignment horizontal="left" vertical="center" wrapText="1"/>
    </xf>
    <xf numFmtId="0" fontId="9" fillId="0" borderId="0" xfId="0" applyFont="1" applyFill="1" applyBorder="1" applyAlignment="1">
      <alignment horizontal="right" vertical="center"/>
    </xf>
    <xf numFmtId="0" fontId="5" fillId="0" borderId="34" xfId="0" applyFont="1" applyFill="1" applyBorder="1" applyAlignment="1">
      <alignment horizontal="center" vertical="center"/>
    </xf>
    <xf numFmtId="0" fontId="5" fillId="0" borderId="22" xfId="0" applyFont="1" applyFill="1" applyBorder="1" applyAlignment="1">
      <alignment vertical="center"/>
    </xf>
    <xf numFmtId="0" fontId="4" fillId="0" borderId="22" xfId="0" applyFont="1" applyFill="1" applyBorder="1" applyAlignment="1">
      <alignment horizontal="center" vertical="center" textRotation="255"/>
    </xf>
    <xf numFmtId="0" fontId="14" fillId="0" borderId="22" xfId="0" applyFont="1" applyFill="1" applyBorder="1">
      <alignment vertical="center"/>
    </xf>
    <xf numFmtId="0" fontId="14" fillId="0" borderId="22" xfId="0" applyFont="1" applyFill="1" applyBorder="1" applyAlignment="1">
      <alignment horizontal="center" vertical="center"/>
    </xf>
    <xf numFmtId="31" fontId="14" fillId="0" borderId="22" xfId="0" applyNumberFormat="1" applyFont="1" applyFill="1" applyBorder="1" applyAlignment="1">
      <alignment horizontal="center" vertical="center"/>
    </xf>
    <xf numFmtId="0" fontId="15" fillId="0" borderId="22" xfId="0" applyFont="1" applyBorder="1" applyAlignment="1">
      <alignment horizontal="center"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jpeg"/></Relationships>
</file>

<file path=xl/drawings/drawing1.xml><?xml version="1.0" encoding="utf-8"?>
<xdr:wsDr xmlns:xdr="http://schemas.openxmlformats.org/drawingml/2006/spreadsheetDrawing" xmlns:a="http://schemas.openxmlformats.org/drawingml/2006/main">
  <xdr:oneCellAnchor>
    <xdr:from>
      <xdr:col>7</xdr:col>
      <xdr:colOff>219997</xdr:colOff>
      <xdr:row>42</xdr:row>
      <xdr:rowOff>472440</xdr:rowOff>
    </xdr:from>
    <xdr:ext cx="912362" cy="796508"/>
    <xdr:pic>
      <xdr:nvPicPr>
        <xdr:cNvPr id="2" name="Picture 291" descr="社名マイナビ基本型（タテ）Ver">
          <a:extLst>
            <a:ext uri="{FF2B5EF4-FFF2-40B4-BE49-F238E27FC236}">
              <a16:creationId xmlns:a16="http://schemas.microsoft.com/office/drawing/2014/main" id="{4DDC77AA-D97D-4355-9DE9-78E5B0AB9C57}"/>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16221997" y="22227540"/>
          <a:ext cx="912362" cy="796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oneCellAnchor>
  <xdr:twoCellAnchor editAs="oneCell">
    <xdr:from>
      <xdr:col>2</xdr:col>
      <xdr:colOff>355600</xdr:colOff>
      <xdr:row>2</xdr:row>
      <xdr:rowOff>101600</xdr:rowOff>
    </xdr:from>
    <xdr:to>
      <xdr:col>2</xdr:col>
      <xdr:colOff>3599716</xdr:colOff>
      <xdr:row>10</xdr:row>
      <xdr:rowOff>1067004</xdr:rowOff>
    </xdr:to>
    <xdr:pic>
      <xdr:nvPicPr>
        <xdr:cNvPr id="4" name="図 3">
          <a:extLst>
            <a:ext uri="{FF2B5EF4-FFF2-40B4-BE49-F238E27FC236}">
              <a16:creationId xmlns:a16="http://schemas.microsoft.com/office/drawing/2014/main" id="{78815F7A-95C3-4225-98C3-D64D2382498C}"/>
            </a:ext>
          </a:extLst>
        </xdr:cNvPr>
        <xdr:cNvPicPr>
          <a:picLocks noChangeAspect="1"/>
        </xdr:cNvPicPr>
      </xdr:nvPicPr>
      <xdr:blipFill>
        <a:blip xmlns:r="http://schemas.openxmlformats.org/officeDocument/2006/relationships" r:embed="rId2"/>
        <a:stretch>
          <a:fillRect/>
        </a:stretch>
      </xdr:blipFill>
      <xdr:spPr>
        <a:xfrm>
          <a:off x="1816100" y="2298700"/>
          <a:ext cx="3253641" cy="5281499"/>
        </a:xfrm>
        <a:prstGeom prst="rect">
          <a:avLst/>
        </a:prstGeom>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1E74A1-D773-459B-8AE0-34433DC2B616}">
  <sheetPr codeName="Sheet1">
    <pageSetUpPr fitToPage="1"/>
  </sheetPr>
  <dimension ref="B1:U45"/>
  <sheetViews>
    <sheetView showGridLines="0" tabSelected="1" zoomScale="75" zoomScaleNormal="75" workbookViewId="0"/>
  </sheetViews>
  <sheetFormatPr defaultRowHeight="18" x14ac:dyDescent="0.45"/>
  <cols>
    <col min="1" max="1" width="8.796875" customWidth="1"/>
    <col min="2" max="2" width="10.3984375" customWidth="1"/>
    <col min="3" max="3" width="53.5" bestFit="1" customWidth="1"/>
    <col min="4" max="4" width="34.09765625" customWidth="1"/>
    <col min="5" max="5" width="22.09765625" style="30" bestFit="1" customWidth="1"/>
    <col min="6" max="6" width="46.5" customWidth="1"/>
    <col min="7" max="7" width="34.09765625" bestFit="1" customWidth="1"/>
    <col min="8" max="8" width="13.59765625" customWidth="1"/>
    <col min="9" max="9" width="5.19921875" customWidth="1"/>
    <col min="10" max="10" width="7.796875" customWidth="1"/>
  </cols>
  <sheetData>
    <row r="1" spans="2:12" s="1" customFormat="1" ht="126" customHeight="1" thickBot="1" x14ac:dyDescent="0.5">
      <c r="B1" s="64" t="s">
        <v>68</v>
      </c>
      <c r="C1" s="65"/>
      <c r="D1" s="65"/>
      <c r="E1" s="65"/>
      <c r="F1" s="65"/>
      <c r="G1" s="65"/>
      <c r="H1" s="65"/>
      <c r="I1" s="66"/>
    </row>
    <row r="2" spans="2:12" s="1" customFormat="1" ht="46.2" thickBot="1" x14ac:dyDescent="0.5">
      <c r="B2" s="31"/>
      <c r="C2" s="31"/>
      <c r="D2" s="31"/>
      <c r="E2" s="31"/>
      <c r="F2" s="31"/>
      <c r="G2" s="31"/>
      <c r="H2" s="31"/>
      <c r="I2" s="31"/>
    </row>
    <row r="3" spans="2:12" ht="75" customHeight="1" x14ac:dyDescent="0.45">
      <c r="B3" s="67" t="s">
        <v>51</v>
      </c>
      <c r="C3" s="11"/>
      <c r="D3" s="70" t="s">
        <v>63</v>
      </c>
      <c r="E3" s="71"/>
      <c r="F3" s="71"/>
      <c r="G3" s="71"/>
      <c r="H3" s="71"/>
      <c r="I3" s="72"/>
    </row>
    <row r="4" spans="2:12" ht="39" x14ac:dyDescent="0.45">
      <c r="B4" s="68"/>
      <c r="C4" s="122"/>
      <c r="D4" s="73" t="s">
        <v>80</v>
      </c>
      <c r="E4" s="74"/>
      <c r="F4" s="74"/>
      <c r="G4" s="74"/>
      <c r="H4" s="74"/>
      <c r="I4" s="123"/>
    </row>
    <row r="5" spans="2:12" ht="39" customHeight="1" x14ac:dyDescent="0.45">
      <c r="B5" s="68"/>
      <c r="C5" s="10"/>
      <c r="D5" s="73" t="s">
        <v>81</v>
      </c>
      <c r="E5" s="74"/>
      <c r="F5" s="85" t="s">
        <v>86</v>
      </c>
      <c r="G5" s="86"/>
      <c r="H5" s="86"/>
      <c r="I5" s="87"/>
    </row>
    <row r="6" spans="2:12" ht="36.6" x14ac:dyDescent="0.45">
      <c r="B6" s="68"/>
      <c r="C6" s="5"/>
      <c r="D6" s="73" t="s">
        <v>82</v>
      </c>
      <c r="E6" s="74"/>
      <c r="F6" s="88"/>
      <c r="G6" s="89"/>
      <c r="H6" s="89"/>
      <c r="I6" s="90"/>
    </row>
    <row r="7" spans="2:12" ht="36.6" customHeight="1" x14ac:dyDescent="0.45">
      <c r="B7" s="68"/>
      <c r="C7" s="5"/>
      <c r="D7" s="73" t="s">
        <v>83</v>
      </c>
      <c r="E7" s="74"/>
      <c r="F7" s="88"/>
      <c r="G7" s="89"/>
      <c r="H7" s="89"/>
      <c r="I7" s="90"/>
      <c r="L7" s="6"/>
    </row>
    <row r="8" spans="2:12" ht="36.6" customHeight="1" x14ac:dyDescent="0.45">
      <c r="B8" s="68"/>
      <c r="C8" s="5"/>
      <c r="D8" s="73" t="s">
        <v>84</v>
      </c>
      <c r="E8" s="74"/>
      <c r="F8" s="88"/>
      <c r="G8" s="89"/>
      <c r="H8" s="89"/>
      <c r="I8" s="90"/>
    </row>
    <row r="9" spans="2:12" ht="37.200000000000003" customHeight="1" thickBot="1" x14ac:dyDescent="0.5">
      <c r="B9" s="68"/>
      <c r="C9" s="5"/>
      <c r="D9" s="75" t="s">
        <v>85</v>
      </c>
      <c r="E9" s="76"/>
      <c r="F9" s="88"/>
      <c r="G9" s="89"/>
      <c r="H9" s="89"/>
      <c r="I9" s="90"/>
    </row>
    <row r="10" spans="2:12" ht="37.200000000000003" thickBot="1" x14ac:dyDescent="0.5">
      <c r="B10" s="68"/>
      <c r="C10" s="5"/>
      <c r="D10" s="77" t="s">
        <v>9</v>
      </c>
      <c r="E10" s="78"/>
      <c r="F10" s="88"/>
      <c r="G10" s="89"/>
      <c r="H10" s="89"/>
      <c r="I10" s="90"/>
    </row>
    <row r="11" spans="2:12" ht="101.4" customHeight="1" thickBot="1" x14ac:dyDescent="2.8">
      <c r="B11" s="68"/>
      <c r="C11" s="5"/>
      <c r="D11" s="38"/>
      <c r="E11" s="36" t="s">
        <v>4</v>
      </c>
      <c r="F11" s="88"/>
      <c r="G11" s="89"/>
      <c r="H11" s="89"/>
      <c r="I11" s="90"/>
    </row>
    <row r="12" spans="2:12" ht="37.200000000000003" thickBot="1" x14ac:dyDescent="0.5">
      <c r="B12" s="69"/>
      <c r="C12" s="7"/>
      <c r="D12" s="83" t="s">
        <v>78</v>
      </c>
      <c r="E12" s="84"/>
      <c r="F12" s="39"/>
      <c r="G12" s="91" t="s">
        <v>77</v>
      </c>
      <c r="H12" s="91"/>
      <c r="I12" s="92"/>
    </row>
    <row r="13" spans="2:12" ht="37.200000000000003" thickBot="1" x14ac:dyDescent="0.5">
      <c r="B13" s="32"/>
      <c r="C13" s="12"/>
      <c r="D13" s="126"/>
      <c r="E13" s="125"/>
      <c r="F13" s="13"/>
      <c r="G13" s="14"/>
      <c r="H13" s="14"/>
      <c r="I13" s="124" t="s">
        <v>93</v>
      </c>
    </row>
    <row r="14" spans="2:12" s="20" customFormat="1" ht="36.6" x14ac:dyDescent="0.45">
      <c r="B14" s="97" t="s">
        <v>3</v>
      </c>
      <c r="C14" s="100" t="s">
        <v>1</v>
      </c>
      <c r="D14" s="101"/>
      <c r="E14" s="19" t="s">
        <v>2</v>
      </c>
      <c r="F14" s="19" t="s">
        <v>0</v>
      </c>
      <c r="G14" s="19" t="s">
        <v>8</v>
      </c>
      <c r="H14" s="102" t="s">
        <v>9</v>
      </c>
      <c r="I14" s="103"/>
    </row>
    <row r="15" spans="2:12" s="20" customFormat="1" ht="36.6" x14ac:dyDescent="0.45">
      <c r="B15" s="98"/>
      <c r="C15" s="21" t="s">
        <v>7</v>
      </c>
      <c r="D15" s="22" t="s">
        <v>65</v>
      </c>
      <c r="E15" s="24" t="s">
        <v>67</v>
      </c>
      <c r="F15" s="23" t="s">
        <v>66</v>
      </c>
      <c r="G15" s="24">
        <v>44620</v>
      </c>
      <c r="H15" s="40"/>
      <c r="I15" s="34" t="s">
        <v>4</v>
      </c>
    </row>
    <row r="16" spans="2:12" s="20" customFormat="1" ht="36.6" x14ac:dyDescent="0.45">
      <c r="B16" s="98"/>
      <c r="C16" s="21" t="s">
        <v>7</v>
      </c>
      <c r="D16" s="22" t="s">
        <v>52</v>
      </c>
      <c r="E16" s="24" t="s">
        <v>57</v>
      </c>
      <c r="F16" s="23" t="s">
        <v>56</v>
      </c>
      <c r="G16" s="24">
        <v>44588</v>
      </c>
      <c r="H16" s="40"/>
      <c r="I16" s="34" t="s">
        <v>4</v>
      </c>
    </row>
    <row r="17" spans="2:9" s="20" customFormat="1" ht="36.6" x14ac:dyDescent="0.45">
      <c r="B17" s="98"/>
      <c r="C17" s="21" t="s">
        <v>64</v>
      </c>
      <c r="D17" s="22" t="s">
        <v>50</v>
      </c>
      <c r="E17" s="23" t="s">
        <v>59</v>
      </c>
      <c r="F17" s="23" t="s">
        <v>58</v>
      </c>
      <c r="G17" s="24">
        <v>44526</v>
      </c>
      <c r="H17" s="40"/>
      <c r="I17" s="34" t="s">
        <v>4</v>
      </c>
    </row>
    <row r="18" spans="2:9" s="20" customFormat="1" ht="36.6" x14ac:dyDescent="0.45">
      <c r="B18" s="98"/>
      <c r="C18" s="21" t="s">
        <v>7</v>
      </c>
      <c r="D18" s="22" t="s">
        <v>48</v>
      </c>
      <c r="E18" s="23" t="s">
        <v>31</v>
      </c>
      <c r="F18" s="23" t="s">
        <v>49</v>
      </c>
      <c r="G18" s="24">
        <v>44466</v>
      </c>
      <c r="H18" s="40"/>
      <c r="I18" s="34" t="s">
        <v>4</v>
      </c>
    </row>
    <row r="19" spans="2:9" s="20" customFormat="1" ht="36.6" x14ac:dyDescent="0.45">
      <c r="B19" s="98"/>
      <c r="C19" s="21" t="s">
        <v>5</v>
      </c>
      <c r="D19" s="22" t="s">
        <v>10</v>
      </c>
      <c r="E19" s="23" t="s">
        <v>24</v>
      </c>
      <c r="F19" s="23" t="s">
        <v>38</v>
      </c>
      <c r="G19" s="24">
        <v>44435</v>
      </c>
      <c r="H19" s="40"/>
      <c r="I19" s="34" t="s">
        <v>4</v>
      </c>
    </row>
    <row r="20" spans="2:9" s="20" customFormat="1" ht="36.6" x14ac:dyDescent="0.45">
      <c r="B20" s="98"/>
      <c r="C20" s="21" t="s">
        <v>7</v>
      </c>
      <c r="D20" s="22" t="s">
        <v>6</v>
      </c>
      <c r="E20" s="23" t="s">
        <v>27</v>
      </c>
      <c r="F20" s="23" t="s">
        <v>39</v>
      </c>
      <c r="G20" s="24">
        <v>44406</v>
      </c>
      <c r="H20" s="40"/>
      <c r="I20" s="34" t="s">
        <v>4</v>
      </c>
    </row>
    <row r="21" spans="2:9" s="20" customFormat="1" ht="36.6" x14ac:dyDescent="0.45">
      <c r="B21" s="98"/>
      <c r="C21" s="21" t="s">
        <v>5</v>
      </c>
      <c r="D21" s="22" t="s">
        <v>11</v>
      </c>
      <c r="E21" s="23" t="s">
        <v>30</v>
      </c>
      <c r="F21" s="23" t="s">
        <v>35</v>
      </c>
      <c r="G21" s="24">
        <v>44253</v>
      </c>
      <c r="H21" s="40"/>
      <c r="I21" s="34" t="s">
        <v>4</v>
      </c>
    </row>
    <row r="22" spans="2:9" s="20" customFormat="1" ht="36.6" x14ac:dyDescent="0.45">
      <c r="B22" s="98"/>
      <c r="C22" s="21" t="s">
        <v>7</v>
      </c>
      <c r="D22" s="22" t="s">
        <v>12</v>
      </c>
      <c r="E22" s="23" t="s">
        <v>29</v>
      </c>
      <c r="F22" s="23" t="s">
        <v>34</v>
      </c>
      <c r="G22" s="24">
        <v>44189</v>
      </c>
      <c r="H22" s="40"/>
      <c r="I22" s="34" t="s">
        <v>4</v>
      </c>
    </row>
    <row r="23" spans="2:9" s="20" customFormat="1" ht="36.6" x14ac:dyDescent="0.45">
      <c r="B23" s="98"/>
      <c r="C23" s="21" t="s">
        <v>5</v>
      </c>
      <c r="D23" s="22" t="s">
        <v>13</v>
      </c>
      <c r="E23" s="23" t="s">
        <v>25</v>
      </c>
      <c r="F23" s="23" t="s">
        <v>40</v>
      </c>
      <c r="G23" s="24">
        <v>44006</v>
      </c>
      <c r="H23" s="40"/>
      <c r="I23" s="34" t="s">
        <v>4</v>
      </c>
    </row>
    <row r="24" spans="2:9" s="20" customFormat="1" ht="36.6" x14ac:dyDescent="0.45">
      <c r="B24" s="98"/>
      <c r="C24" s="21" t="s">
        <v>7</v>
      </c>
      <c r="D24" s="22" t="s">
        <v>14</v>
      </c>
      <c r="E24" s="23" t="s">
        <v>24</v>
      </c>
      <c r="F24" s="23" t="s">
        <v>41</v>
      </c>
      <c r="G24" s="24">
        <v>43945</v>
      </c>
      <c r="H24" s="40"/>
      <c r="I24" s="34" t="s">
        <v>4</v>
      </c>
    </row>
    <row r="25" spans="2:9" s="20" customFormat="1" ht="36.6" x14ac:dyDescent="0.45">
      <c r="B25" s="98"/>
      <c r="C25" s="21" t="s">
        <v>5</v>
      </c>
      <c r="D25" s="22" t="s">
        <v>15</v>
      </c>
      <c r="E25" s="23" t="s">
        <v>30</v>
      </c>
      <c r="F25" s="23" t="s">
        <v>33</v>
      </c>
      <c r="G25" s="24">
        <v>43887</v>
      </c>
      <c r="H25" s="40"/>
      <c r="I25" s="34" t="s">
        <v>4</v>
      </c>
    </row>
    <row r="26" spans="2:9" s="20" customFormat="1" ht="36.6" x14ac:dyDescent="0.45">
      <c r="B26" s="98"/>
      <c r="C26" s="21" t="s">
        <v>5</v>
      </c>
      <c r="D26" s="22" t="s">
        <v>16</v>
      </c>
      <c r="E26" s="23" t="s">
        <v>28</v>
      </c>
      <c r="F26" s="23" t="s">
        <v>36</v>
      </c>
      <c r="G26" s="24">
        <v>43697</v>
      </c>
      <c r="H26" s="40"/>
      <c r="I26" s="34" t="s">
        <v>4</v>
      </c>
    </row>
    <row r="27" spans="2:9" s="20" customFormat="1" ht="36.6" x14ac:dyDescent="0.45">
      <c r="B27" s="98"/>
      <c r="C27" s="21" t="s">
        <v>7</v>
      </c>
      <c r="D27" s="22" t="s">
        <v>18</v>
      </c>
      <c r="E27" s="23" t="s">
        <v>31</v>
      </c>
      <c r="F27" s="23" t="s">
        <v>42</v>
      </c>
      <c r="G27" s="24">
        <v>43641</v>
      </c>
      <c r="H27" s="40"/>
      <c r="I27" s="34" t="s">
        <v>4</v>
      </c>
    </row>
    <row r="28" spans="2:9" s="20" customFormat="1" ht="36.6" x14ac:dyDescent="0.45">
      <c r="B28" s="98"/>
      <c r="C28" s="21" t="s">
        <v>55</v>
      </c>
      <c r="D28" s="22" t="s">
        <v>17</v>
      </c>
      <c r="E28" s="23" t="s">
        <v>29</v>
      </c>
      <c r="F28" s="23" t="s">
        <v>47</v>
      </c>
      <c r="G28" s="24">
        <v>43579</v>
      </c>
      <c r="H28" s="40"/>
      <c r="I28" s="34" t="s">
        <v>4</v>
      </c>
    </row>
    <row r="29" spans="2:9" s="20" customFormat="1" ht="36.6" x14ac:dyDescent="0.45">
      <c r="B29" s="98"/>
      <c r="C29" s="21" t="s">
        <v>19</v>
      </c>
      <c r="D29" s="22" t="s">
        <v>87</v>
      </c>
      <c r="E29" s="23" t="s">
        <v>88</v>
      </c>
      <c r="F29" s="23" t="s">
        <v>89</v>
      </c>
      <c r="G29" s="24">
        <v>44648</v>
      </c>
      <c r="H29" s="40"/>
      <c r="I29" s="34" t="s">
        <v>4</v>
      </c>
    </row>
    <row r="30" spans="2:9" s="20" customFormat="1" ht="36.6" x14ac:dyDescent="0.45">
      <c r="B30" s="98"/>
      <c r="C30" s="21" t="s">
        <v>19</v>
      </c>
      <c r="D30" s="22" t="s">
        <v>20</v>
      </c>
      <c r="E30" s="23" t="s">
        <v>26</v>
      </c>
      <c r="F30" s="23" t="s">
        <v>43</v>
      </c>
      <c r="G30" s="24">
        <v>44342</v>
      </c>
      <c r="H30" s="40"/>
      <c r="I30" s="34" t="s">
        <v>4</v>
      </c>
    </row>
    <row r="31" spans="2:9" s="20" customFormat="1" ht="36.6" x14ac:dyDescent="0.45">
      <c r="B31" s="98"/>
      <c r="C31" s="21" t="s">
        <v>54</v>
      </c>
      <c r="D31" s="22" t="s">
        <v>21</v>
      </c>
      <c r="E31" s="23" t="s">
        <v>23</v>
      </c>
      <c r="F31" s="23" t="s">
        <v>44</v>
      </c>
      <c r="G31" s="24">
        <v>44279</v>
      </c>
      <c r="H31" s="40"/>
      <c r="I31" s="34" t="s">
        <v>4</v>
      </c>
    </row>
    <row r="32" spans="2:9" s="20" customFormat="1" ht="37.200000000000003" thickBot="1" x14ac:dyDescent="0.5">
      <c r="B32" s="99"/>
      <c r="C32" s="25" t="s">
        <v>19</v>
      </c>
      <c r="D32" s="26" t="s">
        <v>22</v>
      </c>
      <c r="E32" s="27" t="s">
        <v>32</v>
      </c>
      <c r="F32" s="27" t="s">
        <v>45</v>
      </c>
      <c r="G32" s="28">
        <v>44130</v>
      </c>
      <c r="H32" s="41"/>
      <c r="I32" s="35" t="s">
        <v>4</v>
      </c>
    </row>
    <row r="33" spans="2:21" ht="33" thickBot="1" x14ac:dyDescent="0.5">
      <c r="B33" s="127"/>
      <c r="C33" s="128"/>
      <c r="D33" s="128"/>
      <c r="E33" s="129"/>
      <c r="F33" s="129"/>
      <c r="G33" s="130"/>
      <c r="H33" s="128"/>
      <c r="I33" s="131"/>
    </row>
    <row r="34" spans="2:21" s="20" customFormat="1" ht="36.6" x14ac:dyDescent="0.45">
      <c r="B34" s="104" t="s">
        <v>46</v>
      </c>
      <c r="C34" s="107" t="s">
        <v>62</v>
      </c>
      <c r="D34" s="108"/>
      <c r="E34" s="109"/>
      <c r="F34" s="4" t="s">
        <v>90</v>
      </c>
      <c r="G34" s="42"/>
      <c r="H34" s="110" t="s">
        <v>46</v>
      </c>
      <c r="I34" s="111"/>
    </row>
    <row r="35" spans="2:21" s="20" customFormat="1" ht="36.6" x14ac:dyDescent="0.45">
      <c r="B35" s="105"/>
      <c r="C35" s="112" t="s">
        <v>60</v>
      </c>
      <c r="D35" s="113"/>
      <c r="E35" s="114"/>
      <c r="F35" s="8" t="s">
        <v>91</v>
      </c>
      <c r="G35" s="43"/>
      <c r="H35" s="115" t="s">
        <v>53</v>
      </c>
      <c r="I35" s="116"/>
    </row>
    <row r="36" spans="2:21" s="20" customFormat="1" ht="37.200000000000003" thickBot="1" x14ac:dyDescent="0.5">
      <c r="B36" s="105"/>
      <c r="C36" s="117" t="s">
        <v>61</v>
      </c>
      <c r="D36" s="118"/>
      <c r="E36" s="119"/>
      <c r="F36" s="9" t="s">
        <v>92</v>
      </c>
      <c r="G36" s="44"/>
      <c r="H36" s="120" t="s">
        <v>46</v>
      </c>
      <c r="I36" s="121"/>
    </row>
    <row r="37" spans="2:21" s="20" customFormat="1" ht="36.6" thickTop="1" thickBot="1" x14ac:dyDescent="0.5">
      <c r="B37" s="106"/>
      <c r="C37" s="95" t="s">
        <v>79</v>
      </c>
      <c r="D37" s="95"/>
      <c r="E37" s="96"/>
      <c r="F37" s="45"/>
      <c r="G37" s="93" t="s">
        <v>77</v>
      </c>
      <c r="H37" s="93"/>
      <c r="I37" s="94"/>
    </row>
    <row r="38" spans="2:21" ht="36" thickBot="1" x14ac:dyDescent="0.5">
      <c r="B38" s="33"/>
      <c r="C38" s="16"/>
      <c r="D38" s="16"/>
      <c r="E38" s="29"/>
      <c r="F38" s="15"/>
      <c r="G38" s="17"/>
      <c r="H38" s="18"/>
      <c r="I38" s="16"/>
    </row>
    <row r="39" spans="2:21" ht="41.4" x14ac:dyDescent="0.45">
      <c r="B39" s="58" t="s">
        <v>75</v>
      </c>
      <c r="C39" s="59"/>
      <c r="D39" s="58" t="s">
        <v>70</v>
      </c>
      <c r="E39" s="59"/>
      <c r="F39" s="47" t="s">
        <v>69</v>
      </c>
      <c r="G39" s="48"/>
      <c r="H39" s="48"/>
      <c r="I39" s="49"/>
      <c r="J39" s="2"/>
      <c r="K39" s="3"/>
      <c r="L39" s="3"/>
      <c r="M39" s="3"/>
      <c r="N39" s="3"/>
      <c r="O39" s="3"/>
      <c r="P39" s="3"/>
      <c r="Q39" s="3"/>
      <c r="R39" s="3"/>
      <c r="S39" s="3"/>
      <c r="T39" s="3"/>
      <c r="U39" s="3"/>
    </row>
    <row r="40" spans="2:21" ht="41.4" x14ac:dyDescent="0.45">
      <c r="B40" s="62"/>
      <c r="C40" s="63"/>
      <c r="D40" s="46"/>
      <c r="E40" s="37" t="s">
        <v>71</v>
      </c>
      <c r="F40" s="50"/>
      <c r="G40" s="51"/>
      <c r="H40" s="51"/>
      <c r="I40" s="52"/>
      <c r="J40" s="3"/>
      <c r="K40" s="3"/>
      <c r="L40" s="3"/>
      <c r="M40" s="3"/>
      <c r="N40" s="3"/>
      <c r="O40" s="3"/>
      <c r="P40" s="3"/>
      <c r="Q40" s="3"/>
      <c r="R40" s="3"/>
      <c r="S40" s="3"/>
      <c r="T40" s="3"/>
      <c r="U40" s="3"/>
    </row>
    <row r="41" spans="2:21" ht="41.4" x14ac:dyDescent="0.45">
      <c r="B41" s="60" t="s">
        <v>76</v>
      </c>
      <c r="C41" s="61"/>
      <c r="D41" s="46"/>
      <c r="E41" s="37" t="s">
        <v>72</v>
      </c>
      <c r="F41" s="50"/>
      <c r="G41" s="51"/>
      <c r="H41" s="51"/>
      <c r="I41" s="52"/>
      <c r="J41" s="3"/>
      <c r="K41" s="3"/>
      <c r="L41" s="3"/>
      <c r="M41" s="3"/>
      <c r="N41" s="3"/>
      <c r="O41" s="3"/>
      <c r="P41" s="3"/>
      <c r="Q41" s="3"/>
      <c r="R41" s="3"/>
      <c r="S41" s="3"/>
      <c r="T41" s="3"/>
      <c r="U41" s="3"/>
    </row>
    <row r="42" spans="2:21" ht="41.4" x14ac:dyDescent="0.45">
      <c r="B42" s="62"/>
      <c r="C42" s="63"/>
      <c r="D42" s="60" t="s">
        <v>37</v>
      </c>
      <c r="E42" s="61"/>
      <c r="F42" s="50"/>
      <c r="G42" s="51"/>
      <c r="H42" s="51"/>
      <c r="I42" s="52"/>
      <c r="J42" s="3"/>
      <c r="K42" s="3"/>
      <c r="L42" s="3"/>
      <c r="M42" s="3"/>
      <c r="N42" s="3"/>
      <c r="O42" s="3"/>
      <c r="P42" s="3"/>
      <c r="Q42" s="3"/>
      <c r="R42" s="3"/>
      <c r="S42" s="3"/>
      <c r="T42" s="3"/>
      <c r="U42" s="3"/>
    </row>
    <row r="43" spans="2:21" ht="41.4" x14ac:dyDescent="0.45">
      <c r="B43" s="79"/>
      <c r="C43" s="80"/>
      <c r="D43" s="46"/>
      <c r="E43" s="37" t="s">
        <v>73</v>
      </c>
      <c r="F43" s="50"/>
      <c r="G43" s="51"/>
      <c r="H43" s="51"/>
      <c r="I43" s="52"/>
      <c r="J43" s="3"/>
      <c r="K43" s="3"/>
      <c r="L43" s="3"/>
      <c r="M43" s="3"/>
      <c r="N43" s="3"/>
      <c r="O43" s="3"/>
      <c r="P43" s="3"/>
      <c r="Q43" s="3"/>
      <c r="R43" s="3"/>
      <c r="S43" s="3"/>
      <c r="T43" s="3"/>
      <c r="U43" s="3"/>
    </row>
    <row r="44" spans="2:21" ht="41.4" x14ac:dyDescent="0.45">
      <c r="B44" s="79"/>
      <c r="C44" s="80"/>
      <c r="D44" s="60" t="s">
        <v>74</v>
      </c>
      <c r="E44" s="61"/>
      <c r="F44" s="50"/>
      <c r="G44" s="51"/>
      <c r="H44" s="51"/>
      <c r="I44" s="52"/>
      <c r="J44" s="3"/>
      <c r="K44" s="3"/>
      <c r="L44" s="3"/>
      <c r="M44" s="3"/>
      <c r="N44" s="3"/>
      <c r="O44" s="3"/>
      <c r="P44" s="3"/>
      <c r="Q44" s="3"/>
      <c r="R44" s="3"/>
      <c r="S44" s="3"/>
      <c r="T44" s="3"/>
      <c r="U44" s="3"/>
    </row>
    <row r="45" spans="2:21" ht="42" thickBot="1" x14ac:dyDescent="0.5">
      <c r="B45" s="81"/>
      <c r="C45" s="82"/>
      <c r="D45" s="56"/>
      <c r="E45" s="57"/>
      <c r="F45" s="53"/>
      <c r="G45" s="54"/>
      <c r="H45" s="54"/>
      <c r="I45" s="55"/>
      <c r="J45" s="3"/>
      <c r="K45" s="3"/>
      <c r="L45" s="3"/>
      <c r="M45" s="3"/>
      <c r="N45" s="3"/>
      <c r="O45" s="3"/>
      <c r="P45" s="3"/>
      <c r="Q45" s="3"/>
      <c r="R45" s="3"/>
      <c r="S45" s="3"/>
      <c r="T45" s="3"/>
      <c r="U45" s="3"/>
    </row>
  </sheetData>
  <sheetProtection algorithmName="SHA-512" hashValue="Ja9m/nM1+mVW1KccThNDYxXWJnxOwFlOUBL9UaRC2v++uH0tyUTKzL9xRAROCq6Qqx+HqI2SF1rTsZJkgVBZTQ==" saltValue="R3s7AH5QKxkG3fHw2qfD0g==" spinCount="100000" sheet="1" objects="1" scenarios="1"/>
  <mergeCells count="35">
    <mergeCell ref="G37:I37"/>
    <mergeCell ref="C37:E37"/>
    <mergeCell ref="B14:B32"/>
    <mergeCell ref="C14:D14"/>
    <mergeCell ref="H14:I14"/>
    <mergeCell ref="B34:B37"/>
    <mergeCell ref="C34:E34"/>
    <mergeCell ref="H34:I34"/>
    <mergeCell ref="C35:E35"/>
    <mergeCell ref="H35:I35"/>
    <mergeCell ref="C36:E36"/>
    <mergeCell ref="H36:I36"/>
    <mergeCell ref="B1:I1"/>
    <mergeCell ref="B3:B12"/>
    <mergeCell ref="D3:I3"/>
    <mergeCell ref="D5:E5"/>
    <mergeCell ref="D6:E6"/>
    <mergeCell ref="D7:E7"/>
    <mergeCell ref="D8:E8"/>
    <mergeCell ref="D9:E9"/>
    <mergeCell ref="D10:E10"/>
    <mergeCell ref="D12:E12"/>
    <mergeCell ref="F5:I11"/>
    <mergeCell ref="G12:I12"/>
    <mergeCell ref="D4:I4"/>
    <mergeCell ref="F39:I45"/>
    <mergeCell ref="D45:E45"/>
    <mergeCell ref="D39:E39"/>
    <mergeCell ref="B39:C39"/>
    <mergeCell ref="B41:C41"/>
    <mergeCell ref="B40:C40"/>
    <mergeCell ref="B42:C42"/>
    <mergeCell ref="D42:E42"/>
    <mergeCell ref="D44:E44"/>
    <mergeCell ref="B43:C45"/>
  </mergeCells>
  <phoneticPr fontId="3"/>
  <pageMargins left="0.55118110236220474" right="0.23622047244094491" top="0.74803149606299213" bottom="0.74803149606299213" header="0.31496062992125984" footer="0.31496062992125984"/>
  <pageSetup paperSize="9" scale="39"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新書】人生を豊かにしたい人のための世界遺産</vt:lpstr>
      <vt:lpstr>【新書】人生を豊かにしたい人のための世界遺産!Print_Area</vt:lpstr>
    </vt:vector>
  </TitlesOfParts>
  <Company>Mynavi Corporation</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岡田 健</dc:creator>
  <cp:lastModifiedBy>岡田 健</cp:lastModifiedBy>
  <cp:lastPrinted>2022-04-08T11:16:30Z</cp:lastPrinted>
  <dcterms:created xsi:type="dcterms:W3CDTF">2021-12-02T08:54:09Z</dcterms:created>
  <dcterms:modified xsi:type="dcterms:W3CDTF">2022-04-25T12:27:03Z</dcterms:modified>
</cp:coreProperties>
</file>